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jpg" ContentType="image/jpe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7045\Desktop\4年計算\"/>
    </mc:Choice>
  </mc:AlternateContent>
  <bookViews>
    <workbookView xWindow="0" yWindow="0" windowWidth="16815" windowHeight="7530"/>
  </bookViews>
  <sheets>
    <sheet name="①" sheetId="1" r:id="rId1"/>
    <sheet name="②" sheetId="2" r:id="rId2"/>
    <sheet name="③" sheetId="3" r:id="rId3"/>
    <sheet name="④" sheetId="4" r:id="rId4"/>
    <sheet name="⑤" sheetId="5" r:id="rId5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jp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jp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jp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9</xdr:col>
      <xdr:colOff>381000</xdr:colOff>
      <xdr:row>38</xdr:row>
      <xdr:rowOff>200025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0" y="0"/>
          <a:ext cx="6553200" cy="9248775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9</xdr:col>
      <xdr:colOff>381000</xdr:colOff>
      <xdr:row>38</xdr:row>
      <xdr:rowOff>200025</xdr:rowOff>
    </xdr:to>
    <xdr:pic>
      <xdr:nvPicPr>
        <xdr:cNvPr id="3" name="図 2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0" y="0"/>
          <a:ext cx="6553200" cy="9248775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9</xdr:col>
      <xdr:colOff>381000</xdr:colOff>
      <xdr:row>38</xdr:row>
      <xdr:rowOff>200025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0" y="0"/>
          <a:ext cx="6553200" cy="9248775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9</xdr:col>
      <xdr:colOff>381000</xdr:colOff>
      <xdr:row>38</xdr:row>
      <xdr:rowOff>200025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0" y="0"/>
          <a:ext cx="6553200" cy="9248775"/>
        </a:xfrm>
        <a:prstGeom prst="rect">
          <a:avLst/>
        </a:prstGeom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9</xdr:col>
      <xdr:colOff>381000</xdr:colOff>
      <xdr:row>38</xdr:row>
      <xdr:rowOff>200025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0" y="0"/>
          <a:ext cx="6553200" cy="924877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tabSelected="1" workbookViewId="0"/>
  </sheetViews>
  <sheetFormatPr defaultRowHeight="18.75" x14ac:dyDescent="0.4"/>
  <sheetData/>
  <phoneticPr fontId="1"/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K4" sqref="K4"/>
    </sheetView>
  </sheetViews>
  <sheetFormatPr defaultRowHeight="18.75" x14ac:dyDescent="0.4"/>
  <sheetData/>
  <phoneticPr fontId="1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①</vt:lpstr>
      <vt:lpstr>②</vt:lpstr>
      <vt:lpstr>③</vt:lpstr>
      <vt:lpstr>④</vt:lpstr>
      <vt:lpstr>⑤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20-05-20T06:01:50Z</dcterms:created>
  <dcterms:modified xsi:type="dcterms:W3CDTF">2020-05-20T06:05:05Z</dcterms:modified>
</cp:coreProperties>
</file>